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\s1575\12_環境衛生G\16_建築物衛生法\10_登録申請（名簿はココ）\一覧掲載\R7.10\02_起案\今回データ\"/>
    </mc:Choice>
  </mc:AlternateContent>
  <xr:revisionPtr revIDLastSave="0" documentId="13_ncr:1_{2002145A-9679-4B04-A652-946BCF094900}" xr6:coauthVersionLast="47" xr6:coauthVersionMax="47" xr10:uidLastSave="{00000000-0000-0000-0000-000000000000}"/>
  <bookViews>
    <workbookView xWindow="-108" yWindow="-108" windowWidth="23256" windowHeight="13896" xr2:uid="{44AF2386-0CCD-4E2E-BB82-0BB5E970A8BF}"/>
  </bookViews>
  <sheets>
    <sheet name="６号（排）登録" sheetId="5" r:id="rId1"/>
  </sheets>
  <definedNames>
    <definedName name="_xlnm.Print_Area" localSheetId="0">'６号（排）登録'!$A$1:$E$31</definedName>
    <definedName name="_xlnm.Print_Titles" localSheetId="0">'６号（排）登録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6" uniqueCount="156">
  <si>
    <t>登録番号</t>
  </si>
  <si>
    <t>営業所名</t>
  </si>
  <si>
    <t>電話番号</t>
  </si>
  <si>
    <t>郵便番号</t>
  </si>
  <si>
    <t>営業所所在地</t>
  </si>
  <si>
    <t>243-0018</t>
  </si>
  <si>
    <t>(046)224-9800</t>
  </si>
  <si>
    <t>243-0022</t>
  </si>
  <si>
    <t>(有)工匠</t>
  </si>
  <si>
    <t>(0466)50-2261</t>
  </si>
  <si>
    <t>251-0012</t>
  </si>
  <si>
    <t>藤沢市村岡東四丁目21番地の５</t>
    <rPh sb="6" eb="9">
      <t>４チョウメ</t>
    </rPh>
    <rPh sb="11" eb="13">
      <t>バンチ</t>
    </rPh>
    <phoneticPr fontId="1"/>
  </si>
  <si>
    <t>243-0035</t>
  </si>
  <si>
    <t>243-0031</t>
  </si>
  <si>
    <t>252-0029</t>
  </si>
  <si>
    <t>(株)日本ファシリティ</t>
    <rPh sb="0" eb="3">
      <t>カブシキガイシャ</t>
    </rPh>
    <phoneticPr fontId="1"/>
  </si>
  <si>
    <t>(046)205-8896</t>
  </si>
  <si>
    <t>243-0815</t>
  </si>
  <si>
    <t>(株)ＳＫサービス</t>
    <rPh sb="0" eb="3">
      <t>カブ</t>
    </rPh>
    <phoneticPr fontId="1"/>
  </si>
  <si>
    <t>243-0401</t>
  </si>
  <si>
    <t>242-0018</t>
  </si>
  <si>
    <t>(0465)74-0056</t>
  </si>
  <si>
    <t>250-0126</t>
  </si>
  <si>
    <t>(株)サンエーサンクス</t>
  </si>
  <si>
    <t>(0467)75-2111</t>
  </si>
  <si>
    <t>253-0101</t>
  </si>
  <si>
    <t>(046)248-1653</t>
  </si>
  <si>
    <t>(046)841-0125</t>
  </si>
  <si>
    <t>239-0826</t>
  </si>
  <si>
    <t>(0465)35-2038</t>
  </si>
  <si>
    <t>250-0002</t>
  </si>
  <si>
    <t>(有)箱根清掃公社</t>
  </si>
  <si>
    <t>250-0401</t>
  </si>
  <si>
    <t>243-0814</t>
  </si>
  <si>
    <t>254-0014</t>
  </si>
  <si>
    <t>(有)湘南サービス</t>
  </si>
  <si>
    <t>(0463)81-0917</t>
  </si>
  <si>
    <t>秦野市大秦町２－２２</t>
  </si>
  <si>
    <t>252-0021</t>
  </si>
  <si>
    <t>(0467)53-4895</t>
  </si>
  <si>
    <t>253-0082</t>
  </si>
  <si>
    <t>259-0132</t>
  </si>
  <si>
    <t>(株)エヌ・アール・シー</t>
  </si>
  <si>
    <t>243-0433</t>
  </si>
  <si>
    <t>建築物排水管清掃業　６号登録</t>
    <phoneticPr fontId="3"/>
  </si>
  <si>
    <t>神奈川県14排第７号</t>
  </si>
  <si>
    <t>257-0034</t>
  </si>
  <si>
    <t>神奈川県14排第８号</t>
  </si>
  <si>
    <t>(株)マルシンビルサービス</t>
  </si>
  <si>
    <t>(046)281-9910</t>
  </si>
  <si>
    <t>厚木市酒井５７３番地１</t>
    <rPh sb="0" eb="3">
      <t>アツギシ</t>
    </rPh>
    <rPh sb="3" eb="5">
      <t>サカイ</t>
    </rPh>
    <rPh sb="8" eb="10">
      <t>バンチ</t>
    </rPh>
    <phoneticPr fontId="1"/>
  </si>
  <si>
    <t>神奈川県15排第３号</t>
  </si>
  <si>
    <t>(株)大磯衛生社　二宮支店</t>
    <rPh sb="11" eb="13">
      <t>シテン</t>
    </rPh>
    <phoneticPr fontId="1"/>
  </si>
  <si>
    <t>(0463)72-2980</t>
  </si>
  <si>
    <t>二宮町緑が丘一丁目10番地の５</t>
    <rPh sb="6" eb="9">
      <t>イッチョウメ</t>
    </rPh>
    <rPh sb="11" eb="13">
      <t>バンチ</t>
    </rPh>
    <phoneticPr fontId="1"/>
  </si>
  <si>
    <t>神奈川県15排第４号</t>
  </si>
  <si>
    <t>(有)山下インテリアルクリーニングサービス</t>
  </si>
  <si>
    <t>横須賀市長瀬一丁目16番１号</t>
  </si>
  <si>
    <t>神奈川県15排第９号</t>
  </si>
  <si>
    <t>(有)日本パイプ環境サービス</t>
  </si>
  <si>
    <t>(046)251-1852</t>
  </si>
  <si>
    <t>座間市入谷西二丁目18番27号</t>
  </si>
  <si>
    <t>神奈川県15排第17号</t>
  </si>
  <si>
    <t>(046)234-3308</t>
  </si>
  <si>
    <t>海老名市河原口二丁目２番38号</t>
    <rPh sb="7" eb="10">
      <t>ニチョウメ</t>
    </rPh>
    <rPh sb="11" eb="12">
      <t>バン</t>
    </rPh>
    <rPh sb="14" eb="15">
      <t>ゴウ</t>
    </rPh>
    <phoneticPr fontId="1"/>
  </si>
  <si>
    <t>神奈川県16排第７号</t>
  </si>
  <si>
    <t>神奈川県17排第５号</t>
  </si>
  <si>
    <t>寒川町倉見９６８番地１</t>
    <rPh sb="8" eb="10">
      <t>バンチ</t>
    </rPh>
    <phoneticPr fontId="1"/>
  </si>
  <si>
    <t>神奈川県19排第１号</t>
  </si>
  <si>
    <t>(株)藤沢市興業公社</t>
    <rPh sb="3" eb="6">
      <t>フジサワシ</t>
    </rPh>
    <rPh sb="6" eb="8">
      <t>コウギョウ</t>
    </rPh>
    <rPh sb="8" eb="10">
      <t>コウシャ</t>
    </rPh>
    <phoneticPr fontId="1"/>
  </si>
  <si>
    <t>（0466）22-9141</t>
  </si>
  <si>
    <t>251-0021</t>
  </si>
  <si>
    <t>藤沢市鵠沼神明一丁目１番７号</t>
    <rPh sb="0" eb="3">
      <t>フジサワシ</t>
    </rPh>
    <rPh sb="3" eb="5">
      <t>クゲヌマ</t>
    </rPh>
    <rPh sb="5" eb="7">
      <t>ジンメイ</t>
    </rPh>
    <rPh sb="7" eb="10">
      <t>イッチョウメ</t>
    </rPh>
    <rPh sb="11" eb="12">
      <t>バン</t>
    </rPh>
    <rPh sb="13" eb="14">
      <t>ゴウ</t>
    </rPh>
    <phoneticPr fontId="1"/>
  </si>
  <si>
    <t>神奈川県20排第２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(0460)87-6121</t>
  </si>
  <si>
    <t>箱根町宮城野921番地の13</t>
    <rPh sb="9" eb="11">
      <t>バンチ</t>
    </rPh>
    <phoneticPr fontId="1"/>
  </si>
  <si>
    <t>神奈川県22排第２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第一カッター興業(株)</t>
    <rPh sb="0" eb="1">
      <t>ダイ</t>
    </rPh>
    <rPh sb="1" eb="2">
      <t>イチ</t>
    </rPh>
    <rPh sb="6" eb="8">
      <t>コウギョウ</t>
    </rPh>
    <phoneticPr fontId="1"/>
  </si>
  <si>
    <t>(0467)85-9958</t>
  </si>
  <si>
    <t>253-0071</t>
  </si>
  <si>
    <t>茅ヶ崎市萩園833番地</t>
    <rPh sb="0" eb="4">
      <t>チガサキシ</t>
    </rPh>
    <rPh sb="4" eb="5">
      <t>ハギ</t>
    </rPh>
    <rPh sb="5" eb="6">
      <t>ソノ</t>
    </rPh>
    <rPh sb="9" eb="11">
      <t>バンチ</t>
    </rPh>
    <phoneticPr fontId="1"/>
  </si>
  <si>
    <t>神奈川県22排第６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(株)トーヨーテクノ</t>
    <rPh sb="0" eb="3">
      <t>カブシキガイシャ</t>
    </rPh>
    <phoneticPr fontId="1"/>
  </si>
  <si>
    <t>茅ヶ崎市香川二丁目20番14号</t>
    <rPh sb="6" eb="9">
      <t>２チョウメ</t>
    </rPh>
    <rPh sb="11" eb="12">
      <t>バン</t>
    </rPh>
    <rPh sb="14" eb="15">
      <t>ゴウ</t>
    </rPh>
    <phoneticPr fontId="1"/>
  </si>
  <si>
    <t>神奈川県22排第７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(株)タワラ</t>
    <rPh sb="0" eb="3">
      <t>カブシキガイシャ</t>
    </rPh>
    <phoneticPr fontId="1"/>
  </si>
  <si>
    <t>（046）264-6608</t>
  </si>
  <si>
    <t>大和市深見西六丁目４番14号</t>
    <rPh sb="0" eb="3">
      <t>ヤマトシ</t>
    </rPh>
    <rPh sb="3" eb="6">
      <t>フカミニシ</t>
    </rPh>
    <rPh sb="6" eb="9">
      <t>６チョウメ</t>
    </rPh>
    <rPh sb="10" eb="11">
      <t>バン</t>
    </rPh>
    <rPh sb="13" eb="14">
      <t>ゴウ</t>
    </rPh>
    <phoneticPr fontId="1"/>
  </si>
  <si>
    <t>神奈川県25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厚木市妻田西一丁目30番１号201号室</t>
    <rPh sb="0" eb="3">
      <t>アツギシ</t>
    </rPh>
    <rPh sb="3" eb="6">
      <t>ツマダニシ</t>
    </rPh>
    <rPh sb="6" eb="7">
      <t>1</t>
    </rPh>
    <rPh sb="7" eb="9">
      <t>チョウメ</t>
    </rPh>
    <rPh sb="11" eb="12">
      <t>バン</t>
    </rPh>
    <rPh sb="13" eb="14">
      <t>ゴウ</t>
    </rPh>
    <rPh sb="17" eb="19">
      <t>ゴウシツ</t>
    </rPh>
    <phoneticPr fontId="1"/>
  </si>
  <si>
    <t>神奈川県27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(株)ワースクリエーション</t>
    <rPh sb="1" eb="2">
      <t>カブ</t>
    </rPh>
    <phoneticPr fontId="1"/>
  </si>
  <si>
    <t>（046）265-0085</t>
  </si>
  <si>
    <t>243-0036</t>
  </si>
  <si>
    <t>厚木市長谷１５４２番３２</t>
    <rPh sb="0" eb="3">
      <t>アツギシ</t>
    </rPh>
    <rPh sb="3" eb="4">
      <t>ナガ</t>
    </rPh>
    <rPh sb="4" eb="5">
      <t>タニ</t>
    </rPh>
    <rPh sb="9" eb="10">
      <t>バン</t>
    </rPh>
    <phoneticPr fontId="1"/>
  </si>
  <si>
    <t>神奈川県28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東洋興業（株）</t>
    <rPh sb="0" eb="2">
      <t>トウヨウ</t>
    </rPh>
    <rPh sb="2" eb="4">
      <t>コウギョウ</t>
    </rPh>
    <rPh sb="4" eb="7">
      <t>カブ</t>
    </rPh>
    <phoneticPr fontId="1"/>
  </si>
  <si>
    <t>（046）264-3000</t>
  </si>
  <si>
    <t>242-0011</t>
  </si>
  <si>
    <t>大和市深見3810番地</t>
    <rPh sb="0" eb="3">
      <t>ヤマトシ</t>
    </rPh>
    <rPh sb="3" eb="5">
      <t>フカミ</t>
    </rPh>
    <rPh sb="9" eb="11">
      <t>バンチ</t>
    </rPh>
    <phoneticPr fontId="1"/>
  </si>
  <si>
    <t>神奈川県29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（株）Y’ｓメンテナンス</t>
    <rPh sb="0" eb="3">
      <t>カブ</t>
    </rPh>
    <phoneticPr fontId="1"/>
  </si>
  <si>
    <t>(046)204-9777</t>
  </si>
  <si>
    <t>243-0424</t>
  </si>
  <si>
    <t>海老名市社家６－６－18　マテュリテ107</t>
    <rPh sb="4" eb="5">
      <t>シャ</t>
    </rPh>
    <rPh sb="5" eb="6">
      <t>イエ</t>
    </rPh>
    <phoneticPr fontId="1"/>
  </si>
  <si>
    <t>神奈川県30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（株）高揚</t>
    <rPh sb="0" eb="3">
      <t>カブ</t>
    </rPh>
    <rPh sb="3" eb="5">
      <t>コウヨウ</t>
    </rPh>
    <phoneticPr fontId="1"/>
  </si>
  <si>
    <t>厚木市中町一丁目８番７号ジュネパレス厚木２－２０１号</t>
    <rPh sb="0" eb="3">
      <t>アツギシ</t>
    </rPh>
    <rPh sb="3" eb="5">
      <t>ナカマチ</t>
    </rPh>
    <rPh sb="5" eb="8">
      <t>１チョウメ</t>
    </rPh>
    <rPh sb="9" eb="10">
      <t>バン</t>
    </rPh>
    <rPh sb="11" eb="12">
      <t>ゴウ</t>
    </rPh>
    <rPh sb="18" eb="20">
      <t>アツギ</t>
    </rPh>
    <rPh sb="25" eb="26">
      <t>ゴウ</t>
    </rPh>
    <phoneticPr fontId="1"/>
  </si>
  <si>
    <t>神奈川県30排第２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（株）リクライフ　</t>
    <rPh sb="0" eb="3">
      <t>カブ</t>
    </rPh>
    <phoneticPr fontId="1"/>
  </si>
  <si>
    <t>(0463)73-7655</t>
  </si>
  <si>
    <t>254-0045</t>
  </si>
  <si>
    <t>平塚市見附町１７番１４号</t>
  </si>
  <si>
    <t>神奈川県31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鳳開発（株）</t>
    <rPh sb="0" eb="1">
      <t>オオトリ</t>
    </rPh>
    <rPh sb="1" eb="3">
      <t>カイハツ</t>
    </rPh>
    <rPh sb="3" eb="6">
      <t>カブ</t>
    </rPh>
    <phoneticPr fontId="1"/>
  </si>
  <si>
    <t>(0467)46-1183</t>
  </si>
  <si>
    <t>247-0056</t>
  </si>
  <si>
    <t>鎌倉市大船1丁目20番16号</t>
  </si>
  <si>
    <t>神奈川県R2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フロンティア１(株)</t>
    <rPh sb="7" eb="10">
      <t>カブ</t>
    </rPh>
    <phoneticPr fontId="1"/>
  </si>
  <si>
    <t>小田原市寿町１－１－12</t>
    <rPh sb="0" eb="4">
      <t>オダワラシ</t>
    </rPh>
    <rPh sb="4" eb="6">
      <t>コトブキチョウ</t>
    </rPh>
    <phoneticPr fontId="1"/>
  </si>
  <si>
    <t>神奈川県R2排第２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(0467)72-5971</t>
  </si>
  <si>
    <t>253-0113</t>
  </si>
  <si>
    <t>高座郡寒川町大曲二丁目８番14号</t>
    <rPh sb="0" eb="2">
      <t>コウザ</t>
    </rPh>
    <rPh sb="2" eb="3">
      <t>グン</t>
    </rPh>
    <rPh sb="6" eb="8">
      <t>オオマガリ</t>
    </rPh>
    <rPh sb="8" eb="11">
      <t>ニチョウメ</t>
    </rPh>
    <rPh sb="12" eb="13">
      <t>バン</t>
    </rPh>
    <rPh sb="15" eb="16">
      <t>ゴウ</t>
    </rPh>
    <phoneticPr fontId="1"/>
  </si>
  <si>
    <t>神奈川県R2排第３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(株)ＴＣＳ</t>
    <rPh sb="0" eb="3">
      <t>カブ</t>
    </rPh>
    <phoneticPr fontId="1"/>
  </si>
  <si>
    <t>(046)240-0224</t>
  </si>
  <si>
    <t>座間市緑ケ丘１-３-17　コーポＹ・Ｆ１０２</t>
    <rPh sb="0" eb="3">
      <t>ザマシ</t>
    </rPh>
    <rPh sb="3" eb="4">
      <t>ミドリ</t>
    </rPh>
    <rPh sb="5" eb="6">
      <t>オカ</t>
    </rPh>
    <phoneticPr fontId="1"/>
  </si>
  <si>
    <t>神奈川県R2排第４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(株)サン</t>
    <rPh sb="0" eb="3">
      <t>カブ</t>
    </rPh>
    <phoneticPr fontId="1"/>
  </si>
  <si>
    <t>(046)201-0807</t>
  </si>
  <si>
    <t>242-0025</t>
  </si>
  <si>
    <t>大和市代官二丁目６番地10</t>
  </si>
  <si>
    <t>神奈川県R3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YT．r（株）</t>
    <rPh sb="4" eb="7">
      <t>カブ</t>
    </rPh>
    <phoneticPr fontId="1"/>
  </si>
  <si>
    <t>(046)259-9280</t>
  </si>
  <si>
    <t>厚木市戸室一丁目２８番２７号　ＧＫ厚木マンション１０２号</t>
    <rPh sb="0" eb="2">
      <t>アツギ</t>
    </rPh>
    <rPh sb="2" eb="3">
      <t>シ</t>
    </rPh>
    <rPh sb="3" eb="5">
      <t>トムロ</t>
    </rPh>
    <rPh sb="5" eb="8">
      <t>イッチョウメ</t>
    </rPh>
    <rPh sb="10" eb="11">
      <t>バン</t>
    </rPh>
    <rPh sb="13" eb="14">
      <t>ゴウ</t>
    </rPh>
    <rPh sb="17" eb="19">
      <t>アツギ</t>
    </rPh>
    <rPh sb="27" eb="28">
      <t>ゴウ</t>
    </rPh>
    <phoneticPr fontId="1"/>
  </si>
  <si>
    <t>神奈川県R4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(有)豊商事</t>
    <rPh sb="0" eb="3">
      <t>ユウ</t>
    </rPh>
    <phoneticPr fontId="1"/>
  </si>
  <si>
    <t>厚木市愛甲一丁目17番19号</t>
  </si>
  <si>
    <t>神奈川県R5排第１号</t>
    <rPh sb="0" eb="4">
      <t>カナガワケン</t>
    </rPh>
    <rPh sb="6" eb="7">
      <t>ハイ</t>
    </rPh>
    <rPh sb="7" eb="8">
      <t>ダイ</t>
    </rPh>
    <rPh sb="9" eb="10">
      <t>ゴウ</t>
    </rPh>
    <phoneticPr fontId="1"/>
  </si>
  <si>
    <t>大津設備</t>
    <rPh sb="2" eb="4">
      <t>セツビ</t>
    </rPh>
    <phoneticPr fontId="1"/>
  </si>
  <si>
    <t>(090)1855-1194</t>
  </si>
  <si>
    <t>海老名市東柏ケ谷三丁目11番９号アーバン大河原202</t>
  </si>
  <si>
    <t>神奈川県R6排第１号</t>
    <rPh sb="0" eb="4">
      <t>カナガワケン</t>
    </rPh>
    <phoneticPr fontId="1"/>
  </si>
  <si>
    <t>（株）朝日美装</t>
  </si>
  <si>
    <t>（046）222-2555</t>
  </si>
  <si>
    <t>厚木市妻田南一丁目１７番５４号</t>
  </si>
  <si>
    <t>神奈川県R6排第２号</t>
    <rPh sb="0" eb="4">
      <t>カナガワケン</t>
    </rPh>
    <phoneticPr fontId="1"/>
  </si>
  <si>
    <t>（株）エスアンドディー</t>
  </si>
  <si>
    <t>（0463）20-9082</t>
  </si>
  <si>
    <t>平塚市四之宮六丁目６番８９－３ 号</t>
  </si>
  <si>
    <t>神奈川県R7排第１号</t>
    <rPh sb="0" eb="4">
      <t>カナガワケン</t>
    </rPh>
    <phoneticPr fontId="1"/>
  </si>
  <si>
    <t>あしがら環境保全(株)</t>
    <rPh sb="9" eb="10">
      <t>カブ</t>
    </rPh>
    <phoneticPr fontId="1"/>
  </si>
  <si>
    <t>南足柄市狩野４８６</t>
    <rPh sb="0" eb="4">
      <t>ミナミアシガラシ</t>
    </rPh>
    <rPh sb="4" eb="6">
      <t>カリノ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[&lt;=99999999]####&quot;¥&quot;&quot;¥&quot;\!\!\-####;&quot;¥&quot;&quot;¥&quot;\!\!\(000&quot;¥&quot;&quot;¥&quot;\!\!\)&quot;¥&quot;&quot;¥&quot;\!\!\ ###&quot;¥&quot;&quot;¥&quot;\!\!\-####"/>
    <numFmt numFmtId="177" formatCode="[&lt;=999]000;000&quot;¥&quot;&quot;¥&quot;\!\!\-0000"/>
    <numFmt numFmtId="178" formatCode="[&lt;=99999999]####&quot;¥&quot;&quot;¥&quot;\!\!\-####;&quot;¥&quot;&quot;¥&quot;\!\!\(0000&quot;¥&quot;&quot;¥&quot;\!\!\)&quot;¥&quot;&quot;¥&quot;\!\!\ ##&quot;¥&quot;&quot;¥&quot;\!\!\-####"/>
  </numFmts>
  <fonts count="5" x14ac:knownFonts="1">
    <font>
      <sz val="11"/>
      <color theme="1"/>
      <name val="游ゴシック"/>
      <family val="2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color theme="5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1">
    <xf numFmtId="0" fontId="0" fillId="0" borderId="0"/>
  </cellStyleXfs>
  <cellXfs count="22">
    <xf numFmtId="0" fontId="0" fillId="0" borderId="0" xfId="0"/>
    <xf numFmtId="0" fontId="1" fillId="0" borderId="0" xfId="0" applyFont="1" applyAlignment="1">
      <alignment horizontal="left" vertical="center"/>
    </xf>
    <xf numFmtId="177" fontId="1" fillId="0" borderId="0" xfId="0" applyNumberFormat="1" applyFont="1" applyAlignment="1">
      <alignment horizontal="center" vertical="center"/>
    </xf>
    <xf numFmtId="0" fontId="1" fillId="0" borderId="1" xfId="0" applyFont="1" applyBorder="1" applyAlignment="1">
      <alignment horizontal="center" vertical="center" shrinkToFit="1"/>
    </xf>
    <xf numFmtId="176" fontId="1" fillId="0" borderId="1" xfId="0" applyNumberFormat="1" applyFont="1" applyBorder="1" applyAlignment="1">
      <alignment horizontal="center" vertical="center" shrinkToFit="1"/>
    </xf>
    <xf numFmtId="177" fontId="1" fillId="0" borderId="1" xfId="0" applyNumberFormat="1" applyFont="1" applyBorder="1" applyAlignment="1">
      <alignment horizontal="center" vertical="center" shrinkToFit="1"/>
    </xf>
    <xf numFmtId="0" fontId="1" fillId="0" borderId="0" xfId="0" applyFont="1" applyAlignment="1">
      <alignment horizontal="center" vertical="center" shrinkToFit="1"/>
    </xf>
    <xf numFmtId="0" fontId="1" fillId="0" borderId="1" xfId="0" applyFont="1" applyBorder="1" applyAlignment="1">
      <alignment vertical="center" shrinkToFit="1"/>
    </xf>
    <xf numFmtId="0" fontId="1" fillId="0" borderId="0" xfId="0" applyFont="1" applyAlignment="1">
      <alignment vertical="center" shrinkToFit="1"/>
    </xf>
    <xf numFmtId="0" fontId="1" fillId="0" borderId="1" xfId="0" applyFont="1" applyBorder="1" applyAlignment="1">
      <alignment vertical="center" wrapText="1" shrinkToFit="1"/>
    </xf>
    <xf numFmtId="176" fontId="1" fillId="0" borderId="0" xfId="0" applyNumberFormat="1" applyFont="1" applyAlignment="1">
      <alignment horizontal="center" vertical="center" shrinkToFit="1"/>
    </xf>
    <xf numFmtId="177" fontId="1" fillId="0" borderId="0" xfId="0" applyNumberFormat="1" applyFont="1" applyAlignment="1">
      <alignment horizontal="center" vertical="center" shrinkToFit="1"/>
    </xf>
    <xf numFmtId="57" fontId="1" fillId="0" borderId="1" xfId="0" applyNumberFormat="1" applyFont="1" applyBorder="1" applyAlignment="1">
      <alignment horizontal="left" vertical="center" shrinkToFit="1"/>
    </xf>
    <xf numFmtId="176" fontId="1" fillId="0" borderId="0" xfId="0" applyNumberFormat="1" applyFont="1" applyAlignment="1">
      <alignment horizontal="left" vertical="center"/>
    </xf>
    <xf numFmtId="177" fontId="1" fillId="0" borderId="2" xfId="0" applyNumberFormat="1" applyFont="1" applyBorder="1" applyAlignment="1">
      <alignment horizontal="center" vertical="center" shrinkToFit="1"/>
    </xf>
    <xf numFmtId="0" fontId="1" fillId="0" borderId="2" xfId="0" applyFont="1" applyBorder="1" applyAlignment="1">
      <alignment horizontal="center" vertical="center" shrinkToFit="1"/>
    </xf>
    <xf numFmtId="0" fontId="1" fillId="0" borderId="3" xfId="0" applyFont="1" applyBorder="1" applyAlignment="1">
      <alignment vertical="center" shrinkToFit="1"/>
    </xf>
    <xf numFmtId="176" fontId="1" fillId="0" borderId="3" xfId="0" applyNumberFormat="1" applyFont="1" applyBorder="1" applyAlignment="1">
      <alignment horizontal="center" vertical="center" shrinkToFit="1"/>
    </xf>
    <xf numFmtId="177" fontId="1" fillId="0" borderId="4" xfId="0" applyNumberFormat="1" applyFont="1" applyBorder="1" applyAlignment="1">
      <alignment horizontal="center" vertical="center" shrinkToFit="1"/>
    </xf>
    <xf numFmtId="178" fontId="1" fillId="0" borderId="1" xfId="0" applyNumberFormat="1" applyFont="1" applyBorder="1" applyAlignment="1">
      <alignment horizontal="center" vertical="center" shrinkToFit="1"/>
    </xf>
    <xf numFmtId="0" fontId="4" fillId="0" borderId="0" xfId="0" applyFont="1" applyAlignment="1">
      <alignment vertical="center" shrinkToFit="1"/>
    </xf>
    <xf numFmtId="176" fontId="1" fillId="0" borderId="1" xfId="0" applyNumberFormat="1" applyFont="1" applyBorder="1" applyAlignment="1">
      <alignment horizontal="center" vertical="center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C56587-1DE8-4A4B-93C1-4072641DEF01}">
  <dimension ref="A1:H32"/>
  <sheetViews>
    <sheetView tabSelected="1" topLeftCell="A19" workbookViewId="0">
      <selection activeCell="E11" sqref="E11"/>
    </sheetView>
  </sheetViews>
  <sheetFormatPr defaultColWidth="8.09765625" defaultRowHeight="13.2" x14ac:dyDescent="0.45"/>
  <cols>
    <col min="1" max="1" width="18.69921875" style="8" customWidth="1"/>
    <col min="2" max="2" width="32.796875" style="8" customWidth="1"/>
    <col min="3" max="3" width="14.09765625" style="10" customWidth="1"/>
    <col min="4" max="4" width="8.8984375" style="11" customWidth="1"/>
    <col min="5" max="5" width="44.8984375" style="8" customWidth="1"/>
    <col min="6" max="16384" width="8.09765625" style="8"/>
  </cols>
  <sheetData>
    <row r="1" spans="1:8" s="1" customFormat="1" ht="23.4" customHeight="1" x14ac:dyDescent="0.45">
      <c r="A1" s="1" t="s">
        <v>44</v>
      </c>
      <c r="C1" s="13"/>
      <c r="D1" s="2"/>
    </row>
    <row r="2" spans="1:8" s="6" customFormat="1" ht="23.4" customHeight="1" x14ac:dyDescent="0.45">
      <c r="A2" s="3" t="s">
        <v>0</v>
      </c>
      <c r="B2" s="3" t="s">
        <v>1</v>
      </c>
      <c r="C2" s="4" t="s">
        <v>2</v>
      </c>
      <c r="D2" s="14" t="s">
        <v>3</v>
      </c>
      <c r="E2" s="3" t="s">
        <v>4</v>
      </c>
    </row>
    <row r="3" spans="1:8" ht="23.4" customHeight="1" x14ac:dyDescent="0.45">
      <c r="A3" s="7" t="s">
        <v>45</v>
      </c>
      <c r="B3" s="7" t="s">
        <v>35</v>
      </c>
      <c r="C3" s="4" t="s">
        <v>36</v>
      </c>
      <c r="D3" s="14" t="s">
        <v>46</v>
      </c>
      <c r="E3" s="7" t="s">
        <v>37</v>
      </c>
    </row>
    <row r="4" spans="1:8" ht="23.4" customHeight="1" x14ac:dyDescent="0.45">
      <c r="A4" s="7" t="s">
        <v>47</v>
      </c>
      <c r="B4" s="7" t="s">
        <v>48</v>
      </c>
      <c r="C4" s="4" t="s">
        <v>49</v>
      </c>
      <c r="D4" s="14" t="s">
        <v>7</v>
      </c>
      <c r="E4" s="7" t="s">
        <v>50</v>
      </c>
    </row>
    <row r="5" spans="1:8" ht="23.4" customHeight="1" x14ac:dyDescent="0.45">
      <c r="A5" s="7" t="s">
        <v>51</v>
      </c>
      <c r="B5" s="7" t="s">
        <v>52</v>
      </c>
      <c r="C5" s="4" t="s">
        <v>53</v>
      </c>
      <c r="D5" s="14" t="s">
        <v>41</v>
      </c>
      <c r="E5" s="7" t="s">
        <v>54</v>
      </c>
    </row>
    <row r="6" spans="1:8" ht="23.4" customHeight="1" x14ac:dyDescent="0.45">
      <c r="A6" s="7" t="s">
        <v>55</v>
      </c>
      <c r="B6" s="7" t="s">
        <v>56</v>
      </c>
      <c r="C6" s="5" t="s">
        <v>27</v>
      </c>
      <c r="D6" s="15" t="s">
        <v>28</v>
      </c>
      <c r="E6" s="12" t="s">
        <v>57</v>
      </c>
    </row>
    <row r="7" spans="1:8" ht="23.4" customHeight="1" x14ac:dyDescent="0.45">
      <c r="A7" s="7" t="s">
        <v>58</v>
      </c>
      <c r="B7" s="7" t="s">
        <v>59</v>
      </c>
      <c r="C7" s="4" t="s">
        <v>60</v>
      </c>
      <c r="D7" s="14" t="s">
        <v>14</v>
      </c>
      <c r="E7" s="7" t="s">
        <v>61</v>
      </c>
    </row>
    <row r="8" spans="1:8" ht="23.4" customHeight="1" x14ac:dyDescent="0.45">
      <c r="A8" s="7" t="s">
        <v>62</v>
      </c>
      <c r="B8" s="7" t="s">
        <v>42</v>
      </c>
      <c r="C8" s="4" t="s">
        <v>63</v>
      </c>
      <c r="D8" s="14" t="s">
        <v>43</v>
      </c>
      <c r="E8" s="7" t="s">
        <v>64</v>
      </c>
    </row>
    <row r="9" spans="1:8" ht="23.4" customHeight="1" x14ac:dyDescent="0.45">
      <c r="A9" s="16" t="s">
        <v>65</v>
      </c>
      <c r="B9" s="16" t="s">
        <v>8</v>
      </c>
      <c r="C9" s="17" t="s">
        <v>9</v>
      </c>
      <c r="D9" s="18" t="s">
        <v>10</v>
      </c>
      <c r="E9" s="7" t="s">
        <v>11</v>
      </c>
    </row>
    <row r="10" spans="1:8" ht="23.4" customHeight="1" x14ac:dyDescent="0.45">
      <c r="A10" s="7" t="s">
        <v>66</v>
      </c>
      <c r="B10" s="7" t="s">
        <v>23</v>
      </c>
      <c r="C10" s="4" t="s">
        <v>24</v>
      </c>
      <c r="D10" s="14" t="s">
        <v>25</v>
      </c>
      <c r="E10" s="7" t="s">
        <v>67</v>
      </c>
    </row>
    <row r="11" spans="1:8" ht="23.4" customHeight="1" x14ac:dyDescent="0.45">
      <c r="A11" s="7" t="s">
        <v>68</v>
      </c>
      <c r="B11" s="7" t="s">
        <v>69</v>
      </c>
      <c r="C11" s="4" t="s">
        <v>70</v>
      </c>
      <c r="D11" s="14" t="s">
        <v>71</v>
      </c>
      <c r="E11" s="7" t="s">
        <v>72</v>
      </c>
    </row>
    <row r="12" spans="1:8" ht="23.4" customHeight="1" x14ac:dyDescent="0.45">
      <c r="A12" s="7" t="s">
        <v>73</v>
      </c>
      <c r="B12" s="7" t="s">
        <v>31</v>
      </c>
      <c r="C12" s="19" t="s">
        <v>74</v>
      </c>
      <c r="D12" s="14" t="s">
        <v>32</v>
      </c>
      <c r="E12" s="7" t="s">
        <v>75</v>
      </c>
    </row>
    <row r="13" spans="1:8" ht="23.4" customHeight="1" x14ac:dyDescent="0.45">
      <c r="A13" s="7" t="s">
        <v>76</v>
      </c>
      <c r="B13" s="7" t="s">
        <v>77</v>
      </c>
      <c r="C13" s="4" t="s">
        <v>78</v>
      </c>
      <c r="D13" s="14" t="s">
        <v>79</v>
      </c>
      <c r="E13" s="7" t="s">
        <v>80</v>
      </c>
      <c r="H13" s="20"/>
    </row>
    <row r="14" spans="1:8" ht="23.4" customHeight="1" x14ac:dyDescent="0.45">
      <c r="A14" s="7" t="s">
        <v>81</v>
      </c>
      <c r="B14" s="7" t="s">
        <v>82</v>
      </c>
      <c r="C14" s="4" t="s">
        <v>39</v>
      </c>
      <c r="D14" s="14" t="s">
        <v>40</v>
      </c>
      <c r="E14" s="7" t="s">
        <v>83</v>
      </c>
    </row>
    <row r="15" spans="1:8" ht="23.4" customHeight="1" x14ac:dyDescent="0.45">
      <c r="A15" s="7" t="s">
        <v>84</v>
      </c>
      <c r="B15" s="7" t="s">
        <v>85</v>
      </c>
      <c r="C15" s="4" t="s">
        <v>86</v>
      </c>
      <c r="D15" s="14" t="s">
        <v>20</v>
      </c>
      <c r="E15" s="7" t="s">
        <v>87</v>
      </c>
    </row>
    <row r="16" spans="1:8" ht="23.4" customHeight="1" x14ac:dyDescent="0.45">
      <c r="A16" s="7" t="s">
        <v>88</v>
      </c>
      <c r="B16" s="7" t="s">
        <v>15</v>
      </c>
      <c r="C16" s="4" t="s">
        <v>16</v>
      </c>
      <c r="D16" s="14" t="s">
        <v>17</v>
      </c>
      <c r="E16" s="7" t="s">
        <v>89</v>
      </c>
    </row>
    <row r="17" spans="1:5" ht="23.4" customHeight="1" x14ac:dyDescent="0.45">
      <c r="A17" s="7" t="s">
        <v>90</v>
      </c>
      <c r="B17" s="7" t="s">
        <v>91</v>
      </c>
      <c r="C17" s="4" t="s">
        <v>92</v>
      </c>
      <c r="D17" s="14" t="s">
        <v>93</v>
      </c>
      <c r="E17" s="7" t="s">
        <v>94</v>
      </c>
    </row>
    <row r="18" spans="1:5" ht="23.4" customHeight="1" x14ac:dyDescent="0.45">
      <c r="A18" s="7" t="s">
        <v>95</v>
      </c>
      <c r="B18" s="7" t="s">
        <v>96</v>
      </c>
      <c r="C18" s="4" t="s">
        <v>97</v>
      </c>
      <c r="D18" s="14" t="s">
        <v>98</v>
      </c>
      <c r="E18" s="7" t="s">
        <v>99</v>
      </c>
    </row>
    <row r="19" spans="1:5" ht="23.4" customHeight="1" x14ac:dyDescent="0.45">
      <c r="A19" s="7" t="s">
        <v>100</v>
      </c>
      <c r="B19" s="9" t="s">
        <v>101</v>
      </c>
      <c r="C19" s="4" t="s">
        <v>102</v>
      </c>
      <c r="D19" s="14" t="s">
        <v>103</v>
      </c>
      <c r="E19" s="7" t="s">
        <v>104</v>
      </c>
    </row>
    <row r="20" spans="1:5" ht="23.4" customHeight="1" x14ac:dyDescent="0.45">
      <c r="A20" s="7" t="s">
        <v>105</v>
      </c>
      <c r="B20" s="9" t="s">
        <v>106</v>
      </c>
      <c r="C20" s="4" t="s">
        <v>6</v>
      </c>
      <c r="D20" s="14" t="s">
        <v>5</v>
      </c>
      <c r="E20" s="7" t="s">
        <v>107</v>
      </c>
    </row>
    <row r="21" spans="1:5" ht="23.4" customHeight="1" x14ac:dyDescent="0.45">
      <c r="A21" s="7" t="s">
        <v>108</v>
      </c>
      <c r="B21" s="9" t="s">
        <v>109</v>
      </c>
      <c r="C21" s="4" t="s">
        <v>110</v>
      </c>
      <c r="D21" s="14" t="s">
        <v>111</v>
      </c>
      <c r="E21" s="9" t="s">
        <v>112</v>
      </c>
    </row>
    <row r="22" spans="1:5" ht="23.4" customHeight="1" x14ac:dyDescent="0.45">
      <c r="A22" s="7" t="s">
        <v>113</v>
      </c>
      <c r="B22" s="9" t="s">
        <v>114</v>
      </c>
      <c r="C22" s="4" t="s">
        <v>115</v>
      </c>
      <c r="D22" s="14" t="s">
        <v>116</v>
      </c>
      <c r="E22" s="9" t="s">
        <v>117</v>
      </c>
    </row>
    <row r="23" spans="1:5" ht="23.4" customHeight="1" x14ac:dyDescent="0.45">
      <c r="A23" s="7" t="s">
        <v>118</v>
      </c>
      <c r="B23" s="9" t="s">
        <v>119</v>
      </c>
      <c r="C23" s="4" t="s">
        <v>29</v>
      </c>
      <c r="D23" s="14" t="s">
        <v>30</v>
      </c>
      <c r="E23" s="7" t="s">
        <v>120</v>
      </c>
    </row>
    <row r="24" spans="1:5" ht="23.4" customHeight="1" x14ac:dyDescent="0.45">
      <c r="A24" s="7" t="s">
        <v>121</v>
      </c>
      <c r="B24" s="9" t="s">
        <v>18</v>
      </c>
      <c r="C24" s="4" t="s">
        <v>122</v>
      </c>
      <c r="D24" s="14" t="s">
        <v>123</v>
      </c>
      <c r="E24" s="7" t="s">
        <v>124</v>
      </c>
    </row>
    <row r="25" spans="1:5" ht="23.4" customHeight="1" x14ac:dyDescent="0.45">
      <c r="A25" s="7" t="s">
        <v>125</v>
      </c>
      <c r="B25" s="9" t="s">
        <v>126</v>
      </c>
      <c r="C25" s="4" t="s">
        <v>127</v>
      </c>
      <c r="D25" s="14" t="s">
        <v>38</v>
      </c>
      <c r="E25" s="7" t="s">
        <v>128</v>
      </c>
    </row>
    <row r="26" spans="1:5" ht="23.4" customHeight="1" x14ac:dyDescent="0.45">
      <c r="A26" s="7" t="s">
        <v>129</v>
      </c>
      <c r="B26" s="9" t="s">
        <v>130</v>
      </c>
      <c r="C26" s="4" t="s">
        <v>131</v>
      </c>
      <c r="D26" s="14" t="s">
        <v>132</v>
      </c>
      <c r="E26" s="7" t="s">
        <v>133</v>
      </c>
    </row>
    <row r="27" spans="1:5" ht="23.4" customHeight="1" x14ac:dyDescent="0.45">
      <c r="A27" s="7" t="s">
        <v>134</v>
      </c>
      <c r="B27" s="9" t="s">
        <v>135</v>
      </c>
      <c r="C27" s="4" t="s">
        <v>136</v>
      </c>
      <c r="D27" s="14" t="s">
        <v>13</v>
      </c>
      <c r="E27" s="7" t="s">
        <v>137</v>
      </c>
    </row>
    <row r="28" spans="1:5" ht="23.4" customHeight="1" x14ac:dyDescent="0.45">
      <c r="A28" s="7" t="s">
        <v>138</v>
      </c>
      <c r="B28" s="9" t="s">
        <v>139</v>
      </c>
      <c r="C28" s="4" t="s">
        <v>26</v>
      </c>
      <c r="D28" s="14" t="s">
        <v>12</v>
      </c>
      <c r="E28" s="7" t="s">
        <v>140</v>
      </c>
    </row>
    <row r="29" spans="1:5" ht="23.4" customHeight="1" x14ac:dyDescent="0.45">
      <c r="A29" s="7" t="s">
        <v>141</v>
      </c>
      <c r="B29" s="9" t="s">
        <v>142</v>
      </c>
      <c r="C29" s="4" t="s">
        <v>143</v>
      </c>
      <c r="D29" s="14" t="s">
        <v>19</v>
      </c>
      <c r="E29" s="7" t="s">
        <v>144</v>
      </c>
    </row>
    <row r="30" spans="1:5" ht="23.4" customHeight="1" x14ac:dyDescent="0.45">
      <c r="A30" s="7" t="s">
        <v>145</v>
      </c>
      <c r="B30" s="7" t="s">
        <v>146</v>
      </c>
      <c r="C30" s="4" t="s">
        <v>147</v>
      </c>
      <c r="D30" s="14" t="s">
        <v>33</v>
      </c>
      <c r="E30" s="7" t="s">
        <v>148</v>
      </c>
    </row>
    <row r="31" spans="1:5" ht="23.4" customHeight="1" x14ac:dyDescent="0.45">
      <c r="A31" s="7" t="s">
        <v>149</v>
      </c>
      <c r="B31" s="7" t="s">
        <v>150</v>
      </c>
      <c r="C31" s="21" t="s">
        <v>151</v>
      </c>
      <c r="D31" s="5" t="s">
        <v>34</v>
      </c>
      <c r="E31" s="9" t="s">
        <v>152</v>
      </c>
    </row>
    <row r="32" spans="1:5" ht="23.4" customHeight="1" x14ac:dyDescent="0.45">
      <c r="A32" s="7" t="s">
        <v>153</v>
      </c>
      <c r="B32" s="7" t="s">
        <v>154</v>
      </c>
      <c r="C32" s="4" t="s">
        <v>21</v>
      </c>
      <c r="D32" s="5" t="s">
        <v>22</v>
      </c>
      <c r="E32" s="7" t="s">
        <v>15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useFirstPageNumber="1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６号（排）登録</vt:lpstr>
      <vt:lpstr>'６号（排）登録'!Print_Area</vt:lpstr>
      <vt:lpstr>'６号（排）登録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0-23T04:45:01Z</cp:lastPrinted>
  <dcterms:created xsi:type="dcterms:W3CDTF">2025-10-23T04:24:31Z</dcterms:created>
  <dcterms:modified xsi:type="dcterms:W3CDTF">2025-10-23T04:45:10Z</dcterms:modified>
</cp:coreProperties>
</file>